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="00C62E6E" w:rsidP="00C62E6E" w:rsidRDefault="00C62E6E" w14:paraId="310D5F5B" w14:textId="5DADDD76">
      <w:pPr>
        <w:pStyle w:val="TitleBold"/>
      </w:pPr>
      <w:r w:rsidRPr="002A318B">
        <w:t xml:space="preserve">NOTICE OF </w:t>
      </w:r>
      <w:r w:rsidR="00D114D5">
        <w:t xml:space="preserve">PUBLIC </w:t>
      </w:r>
      <w:r w:rsidRPr="002A318B">
        <w:t>HEARING</w:t>
      </w:r>
      <w:r w:rsidR="00DB09FF">
        <w:t>S</w:t>
      </w:r>
    </w:p>
    <w:p w:rsidR="004B03D2" w:rsidP="00C62E6E" w:rsidRDefault="00C62E6E" w14:paraId="6698281C" w14:textId="24AA25F9">
      <w:pPr>
        <w:pStyle w:val="1stLineIndentSS"/>
      </w:pPr>
      <w:r w:rsidRPr="002A318B">
        <w:t>Pursuant to Indiana Code</w:t>
      </w:r>
      <w:r w:rsidR="00C83E48">
        <w:t> § </w:t>
      </w:r>
      <w:r w:rsidRPr="002A318B">
        <w:t>20-26-7-37 and Indiana Code</w:t>
      </w:r>
      <w:r w:rsidR="00C83E48">
        <w:t> § </w:t>
      </w:r>
      <w:r w:rsidRPr="002A318B">
        <w:t xml:space="preserve">6-1.1-20-3.5, notice is hereby given that the Board of School Trustees of the </w:t>
      </w:r>
      <w:r w:rsidR="00C04B19">
        <w:t>Franklin Township Community School Corporation</w:t>
      </w:r>
      <w:r w:rsidRPr="002A318B">
        <w:t xml:space="preserve"> will meet at </w:t>
      </w:r>
      <w:r w:rsidR="00811A25">
        <w:t xml:space="preserve">6:00 </w:t>
      </w:r>
      <w:r w:rsidRPr="002A318B">
        <w:t xml:space="preserve">p.m. on </w:t>
      </w:r>
      <w:r w:rsidR="00811A25">
        <w:t>June 27, 2022</w:t>
      </w:r>
      <w:r>
        <w:t xml:space="preserve"> and </w:t>
      </w:r>
      <w:r w:rsidRPr="00D504CD">
        <w:t xml:space="preserve">at </w:t>
      </w:r>
      <w:r w:rsidR="00811A25">
        <w:t xml:space="preserve">6:00 </w:t>
      </w:r>
      <w:r>
        <w:t>p.m.</w:t>
      </w:r>
      <w:r w:rsidRPr="00D504CD">
        <w:t xml:space="preserve"> on </w:t>
      </w:r>
      <w:r w:rsidR="00811A25">
        <w:t>July 25, 2022</w:t>
      </w:r>
      <w:r w:rsidRPr="002A318B">
        <w:t xml:space="preserve">, </w:t>
      </w:r>
      <w:r>
        <w:t xml:space="preserve">at </w:t>
      </w:r>
      <w:r w:rsidR="00811A25">
        <w:t>the School Corporation’s Administration Office, 6141 South Franklin Road,</w:t>
      </w:r>
      <w:r w:rsidRPr="002A318B">
        <w:t xml:space="preserve"> </w:t>
      </w:r>
      <w:r w:rsidR="00C04B19">
        <w:t>Indianapolis</w:t>
      </w:r>
      <w:r w:rsidRPr="002A318B">
        <w:t>, Indiana</w:t>
      </w:r>
      <w:r>
        <w:t xml:space="preserve"> to hold public hearings.  </w:t>
      </w:r>
    </w:p>
    <w:p w:rsidRPr="002A318B" w:rsidR="00C62E6E" w:rsidP="00C62E6E" w:rsidRDefault="00C62E6E" w14:paraId="4EBF9B62" w14:textId="20793B2C">
      <w:pPr>
        <w:pStyle w:val="1stLineIndentSS"/>
      </w:pPr>
      <w:r>
        <w:t xml:space="preserve">On </w:t>
      </w:r>
      <w:r w:rsidR="00811A25">
        <w:t>June 27, 2022</w:t>
      </w:r>
      <w:r>
        <w:t xml:space="preserve">, the Board will </w:t>
      </w:r>
      <w:r w:rsidRPr="002A318B">
        <w:t xml:space="preserve">hold a </w:t>
      </w:r>
      <w:r>
        <w:t xml:space="preserve">public </w:t>
      </w:r>
      <w:r w:rsidRPr="002A318B">
        <w:t xml:space="preserve">hearing to discuss and hear objections and support regarding the proposed </w:t>
      </w:r>
      <w:r w:rsidR="00811A25">
        <w:rPr>
          <w:color w:val="000000"/>
        </w:rPr>
        <w:t>c</w:t>
      </w:r>
      <w:r w:rsidRPr="00811A25" w:rsidR="00811A25">
        <w:rPr>
          <w:color w:val="000000"/>
        </w:rPr>
        <w:t xml:space="preserve">onstruction of a classroom addition at Franklin Central High School and improvements at school facilities, including the purchase of technology and equipment </w:t>
      </w:r>
      <w:r w:rsidRPr="002A318B">
        <w:t xml:space="preserve">(the </w:t>
      </w:r>
      <w:r>
        <w:t>"</w:t>
      </w:r>
      <w:r w:rsidRPr="002A318B">
        <w:t>Project</w:t>
      </w:r>
      <w:r>
        <w:t>"</w:t>
      </w:r>
      <w:r w:rsidRPr="002A318B">
        <w:t>)</w:t>
      </w:r>
      <w:r>
        <w:t xml:space="preserve">.  On </w:t>
      </w:r>
      <w:r w:rsidR="00811A25">
        <w:t>July 25, 2022</w:t>
      </w:r>
      <w:r>
        <w:t xml:space="preserve">, the Board will hold a second public hearing to discuss and hear objections and support regarding the proposed Project and will also consider the </w:t>
      </w:r>
      <w:r w:rsidRPr="002A318B">
        <w:t xml:space="preserve">adoption of a resolution making a preliminary determination to enter into a lease </w:t>
      </w:r>
      <w:r>
        <w:t xml:space="preserve">agreement relating to the </w:t>
      </w:r>
      <w:r w:rsidRPr="002A318B">
        <w:t>Project</w:t>
      </w:r>
      <w:r>
        <w:t xml:space="preserve"> and to issue bonds to finance the Project</w:t>
      </w:r>
      <w:r w:rsidRPr="002A318B">
        <w:t>.  You are invited to attend and participate in the public hearing</w:t>
      </w:r>
      <w:r>
        <w:t>s</w:t>
      </w:r>
      <w:r w:rsidRPr="002A318B">
        <w:t>.</w:t>
      </w:r>
    </w:p>
    <w:p w:rsidRPr="002A318B" w:rsidR="00C62E6E" w:rsidP="00C62E6E" w:rsidRDefault="00C62E6E" w14:paraId="7C3F9718" w14:textId="244B00E1">
      <w:pPr>
        <w:pStyle w:val="1stLineIndentSS"/>
      </w:pPr>
      <w:r w:rsidRPr="002A318B">
        <w:t xml:space="preserve">Dated </w:t>
      </w:r>
      <w:r w:rsidR="00811A25">
        <w:t>June 17, 2022</w:t>
      </w:r>
      <w:r w:rsidRPr="002A318B">
        <w:t>.</w:t>
      </w:r>
    </w:p>
    <w:p w:rsidRPr="002A318B" w:rsidR="00C62E6E" w:rsidP="00C62E6E" w:rsidRDefault="00C62E6E" w14:paraId="2E94762C" w14:textId="77777777">
      <w:pPr>
        <w:pStyle w:val="Signature"/>
        <w:rPr>
          <w:u w:val="single"/>
        </w:rPr>
      </w:pPr>
    </w:p>
    <w:p w:rsidRPr="00A814DE" w:rsidR="00C83E48" w:rsidP="00C83E48" w:rsidRDefault="00C83E48" w14:paraId="1086329B" w14:textId="66776305">
      <w:pPr>
        <w:pStyle w:val="Signature"/>
      </w:pPr>
      <w:r w:rsidRPr="00D26C0B">
        <w:rPr>
          <w:i/>
          <w:iCs/>
          <w:u w:val="single"/>
        </w:rPr>
        <w:t xml:space="preserve">/s/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:rsidR="00C83E48" w:rsidP="00C83E48" w:rsidRDefault="00C04B19" w14:paraId="075015C4" w14:textId="66B1E4F9">
      <w:pPr>
        <w:pStyle w:val="Signature"/>
        <w:rPr>
          <w:i/>
          <w:iCs/>
        </w:rPr>
      </w:pPr>
      <w:r>
        <w:rPr>
          <w:i/>
          <w:iCs/>
        </w:rPr>
        <w:t>Franklin Township Community School Corporation</w:t>
      </w:r>
    </w:p>
    <w:p w:rsidRPr="00210E6D" w:rsidR="00C83E48" w:rsidP="00C83E48" w:rsidRDefault="00C83E48" w14:paraId="265FAF2F" w14:textId="77777777">
      <w:pPr>
        <w:pStyle w:val="Signature"/>
      </w:pPr>
    </w:p>
    <w:p w:rsidR="00C62E6E" w:rsidP="00C62E6E" w:rsidRDefault="00C62E6E" w14:paraId="3FD073A5" w14:textId="65DFBD9B">
      <w:pPr>
        <w:pStyle w:val="1stLineIndentSS"/>
      </w:pPr>
    </w:p>
    <w:p w:rsidR="00C62E6E" w:rsidP="00C62E6E" w:rsidRDefault="00C62E6E" w14:paraId="3AF1450D" w14:textId="77777777">
      <w:pPr>
        <w:pStyle w:val="1stLineIndentSS"/>
      </w:pPr>
    </w:p>
    <w:p w:rsidR="00C62E6E" w:rsidP="00C62E6E" w:rsidRDefault="00C62E6E" w14:paraId="54F2E1D5" w14:textId="77777777">
      <w:pPr>
        <w:pStyle w:val="1stLineIndentSS"/>
      </w:pPr>
    </w:p>
    <w:p w:rsidR="00C62E6E" w:rsidP="00C62E6E" w:rsidRDefault="00C62E6E" w14:paraId="04CE879E" w14:textId="77777777">
      <w:pPr>
        <w:pStyle w:val="1stLineIndentSS"/>
      </w:pPr>
    </w:p>
    <w:p w:rsidR="00C62E6E" w:rsidP="00C62E6E" w:rsidRDefault="00C62E6E" w14:paraId="023566B5" w14:textId="77777777">
      <w:pPr>
        <w:pStyle w:val="1stLineIndentSS"/>
      </w:pPr>
    </w:p>
    <w:p w:rsidR="00C62E6E" w:rsidP="00C62E6E" w:rsidRDefault="00C62E6E" w14:paraId="55B1EAF8" w14:textId="77777777">
      <w:pPr>
        <w:pStyle w:val="1stLineIndentSS"/>
      </w:pPr>
    </w:p>
    <w:p w:rsidR="00C62E6E" w:rsidP="00C62E6E" w:rsidRDefault="00C62E6E" w14:paraId="2590154C" w14:textId="77777777">
      <w:pPr>
        <w:pStyle w:val="1stLineIndentSS"/>
      </w:pPr>
    </w:p>
    <w:p w:rsidR="00C62E6E" w:rsidP="00C62E6E" w:rsidRDefault="00C62E6E" w14:paraId="238DCFFD" w14:textId="77777777">
      <w:pPr>
        <w:pStyle w:val="1stLineIndentSS"/>
      </w:pPr>
    </w:p>
    <w:p w:rsidR="00C04B19" w:rsidP="00541F16" w:rsidRDefault="00C04B19" w14:paraId="22D41E12" w14:textId="77777777">
      <w:pPr>
        <w:pStyle w:val="1stLineIndentSS"/>
        <w:ind w:firstLine="0"/>
      </w:pPr>
    </w:p>
    <w:p w:rsidR="00C04B19" w:rsidP="00541F16" w:rsidRDefault="00C04B19" w14:paraId="0E979A53" w14:textId="77777777">
      <w:pPr>
        <w:pStyle w:val="1stLineIndentSS"/>
        <w:ind w:firstLine="0"/>
      </w:pPr>
    </w:p>
    <w:p w:rsidR="00C04B19" w:rsidP="00541F16" w:rsidRDefault="00C04B19" w14:paraId="783ADBC0" w14:textId="77777777">
      <w:pPr>
        <w:pStyle w:val="1stLineIndentSS"/>
        <w:ind w:firstLine="0"/>
      </w:pPr>
    </w:p>
    <w:p w:rsidRPr="00811A25" w:rsidR="00D0097E" w:rsidP="004B03D2" w:rsidRDefault="00C62E6E" w14:paraId="440ED405" w14:textId="0D1E95D4">
      <w:pPr>
        <w:pStyle w:val="1stLineIndentSS"/>
        <w:ind w:firstLine="0"/>
        <w:rPr>
          <w:rFonts w:cs="Arial"/>
          <w:b/>
          <w:bCs/>
          <w:i/>
          <w:iCs/>
          <w:szCs w:val="20"/>
        </w:rPr>
      </w:pPr>
      <w:r w:rsidRPr="00811A25">
        <w:rPr>
          <w:b/>
          <w:bCs/>
          <w:i/>
          <w:iCs/>
        </w:rPr>
        <w:t>In addition to publishing, please send the notice via first-class mail to the County Clerk and any organization which has requested a notice of preliminary determination.</w:t>
      </w:r>
    </w:p>
    <w:sectPr w:rsidRPr="00811A25" w:rsidR="00D0097E" w:rsidSect="00F1477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ED4D23" w:rsidRDefault="00ED4D23" w14:paraId="615856CF" w14:textId="77777777">
      <w:r>
        <w:separator/>
      </w:r>
    </w:p>
  </w:endnote>
  <w:endnote w:type="continuationSeparator" w:id="0">
    <w:p w:rsidR="00ED4D23" w:rsidRDefault="00ED4D23" w14:paraId="4E0E6D80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ED4D23" w:rsidRDefault="00ED4D23" w14:paraId="28D8C26C" w14:textId="7777777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ED4D23" w:rsidP="00E3618A" w:rsidRDefault="00ED4D23" w14:paraId="1A8A6B05" w14:textId="77777777">
    <w:pPr>
      <w:pStyle w:val="Footer"/>
      <w:tabs>
        <w:tab w:val="clear" w:pos="4680"/>
      </w:tabs>
      <w:jc w:val="center"/>
    </w:pPr>
  </w:p>
  <w:p w:rsidRPr="00CF6571" w:rsidR="00ED4D23" w:rsidP="00E3618A" w:rsidRDefault="00ED4D23" w14:paraId="4B384BC6" w14:textId="578AC0F3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FE0024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FE0024">
      <w:rPr>
        <w:sz w:val="18"/>
      </w:rPr>
      <w:instrText>4877-4720-8484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E0024">
      <w:rPr>
        <w:noProof/>
        <w:sz w:val="18"/>
      </w:rPr>
      <w:t>4877-4720-8484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ED4D23" w:rsidRDefault="00ED4D23" w14:paraId="68A279D3" w14:textId="77777777">
    <w:pPr>
      <w:pStyle w:val="Footer"/>
    </w:pPr>
  </w:p>
  <w:p w:rsidR="00ED4D23" w:rsidP="00995C71" w:rsidRDefault="00ED4D23" w14:paraId="3C287B94" w14:textId="2E105068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FE0024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FE0024">
      <w:rPr>
        <w:sz w:val="18"/>
      </w:rPr>
      <w:instrText>4877-4720-8484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FE0024">
      <w:rPr>
        <w:noProof/>
        <w:sz w:val="18"/>
      </w:rPr>
      <w:t>4877-4720-8484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ED4D23" w:rsidRDefault="00ED4D23" w14:paraId="07E89917" w14:textId="77777777">
      <w:r>
        <w:separator/>
      </w:r>
    </w:p>
  </w:footnote>
  <w:footnote w:type="continuationSeparator" w:id="0">
    <w:p w:rsidR="00ED4D23" w:rsidRDefault="00ED4D23" w14:paraId="696E2273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ED4D23" w:rsidRDefault="00ED4D23" w14:paraId="165B692C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ED4D23" w:rsidRDefault="00ED4D23" w14:paraId="3275AF0B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ED4D23" w:rsidRDefault="00ED4D23" w14:paraId="5CD58C45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12A00A3E"/>
    <w:lvl w:ilvl="0">
      <w:start w:val="1"/>
      <w:numFmt w:val="upperRoman"/>
      <w:lvlRestart w:val="0"/>
      <w:pStyle w:val="Heading1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BEDED90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25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6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num w:numId="1">
    <w:abstractNumId w:val="10"/>
    <w:lvlOverride w:ilvl="0">
      <w:lvl w:ilvl="0">
        <w:start w:val="1"/>
        <w:numFmt w:val="upperRoman"/>
        <w:lvlRestart w:val="0"/>
        <w:pStyle w:val="Heading1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pStyle w:val="Heading2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pStyle w:val="Heading3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pStyle w:val="Heading4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pStyle w:val="Heading5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pStyle w:val="Heading6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pStyle w:val="Heading7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pStyle w:val="Heading8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pStyle w:val="Heading9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>
    <w:abstractNumId w:val="19"/>
  </w:num>
  <w:num w:numId="5">
    <w:abstractNumId w:val="12"/>
  </w:num>
  <w:num w:numId="6">
    <w:abstractNumId w:val="10"/>
  </w:num>
  <w:num w:numId="7">
    <w:abstractNumId w:val="22"/>
  </w:num>
  <w:num w:numId="8">
    <w:abstractNumId w:val="21"/>
  </w:num>
  <w:num w:numId="9">
    <w:abstractNumId w:val="9"/>
  </w:num>
  <w:num w:numId="10">
    <w:abstractNumId w:val="7"/>
  </w:num>
  <w:num w:numId="11">
    <w:abstractNumId w:val="6"/>
  </w:num>
  <w:num w:numId="12">
    <w:abstractNumId w:val="5"/>
  </w:num>
  <w:num w:numId="13">
    <w:abstractNumId w:val="4"/>
  </w:num>
  <w:num w:numId="14">
    <w:abstractNumId w:val="8"/>
  </w:num>
  <w:num w:numId="15">
    <w:abstractNumId w:val="3"/>
  </w:num>
  <w:num w:numId="16">
    <w:abstractNumId w:val="2"/>
  </w:num>
  <w:num w:numId="17">
    <w:abstractNumId w:val="1"/>
  </w:num>
  <w:num w:numId="18">
    <w:abstractNumId w:val="0"/>
  </w:num>
  <w:num w:numId="1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23"/>
  </w:num>
  <w:num w:numId="21">
    <w:abstractNumId w:val="25"/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26"/>
  </w:num>
  <w:num w:numId="28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activeWritingStyle w:lang="en-US" w:vendorID="64" w:dllVersion="6" w:nlCheck="1" w:checkStyle="1" w:appName="MSWord"/>
  <w:activeWritingStyle w:lang="en-US" w:vendorID="64" w:dllVersion="0" w:nlCheck="1" w:checkStyle="0" w:appName="MSWord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5257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EC3"/>
    <w:rsid w:val="00032EE3"/>
    <w:rsid w:val="00033961"/>
    <w:rsid w:val="000349F6"/>
    <w:rsid w:val="0004157C"/>
    <w:rsid w:val="0004245A"/>
    <w:rsid w:val="0004621E"/>
    <w:rsid w:val="0005336E"/>
    <w:rsid w:val="000553A7"/>
    <w:rsid w:val="000607DC"/>
    <w:rsid w:val="00066769"/>
    <w:rsid w:val="00074F85"/>
    <w:rsid w:val="00076C60"/>
    <w:rsid w:val="00081784"/>
    <w:rsid w:val="00084670"/>
    <w:rsid w:val="000A0545"/>
    <w:rsid w:val="000A1807"/>
    <w:rsid w:val="000A674F"/>
    <w:rsid w:val="000B5604"/>
    <w:rsid w:val="000C05F4"/>
    <w:rsid w:val="000C081E"/>
    <w:rsid w:val="000C51B9"/>
    <w:rsid w:val="000D1AD8"/>
    <w:rsid w:val="000D40B9"/>
    <w:rsid w:val="000D78F7"/>
    <w:rsid w:val="000D7D7F"/>
    <w:rsid w:val="000F1C89"/>
    <w:rsid w:val="000F4D04"/>
    <w:rsid w:val="00101FE3"/>
    <w:rsid w:val="001140AF"/>
    <w:rsid w:val="00122C56"/>
    <w:rsid w:val="0012323E"/>
    <w:rsid w:val="00132D11"/>
    <w:rsid w:val="001337FB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7A"/>
    <w:rsid w:val="00167E53"/>
    <w:rsid w:val="00167F3D"/>
    <w:rsid w:val="001729B7"/>
    <w:rsid w:val="00175D58"/>
    <w:rsid w:val="00176265"/>
    <w:rsid w:val="00182642"/>
    <w:rsid w:val="00183A2B"/>
    <w:rsid w:val="00186FA9"/>
    <w:rsid w:val="001928F3"/>
    <w:rsid w:val="001942D8"/>
    <w:rsid w:val="001954C2"/>
    <w:rsid w:val="00195CB0"/>
    <w:rsid w:val="001B0151"/>
    <w:rsid w:val="001B2576"/>
    <w:rsid w:val="001B3FB6"/>
    <w:rsid w:val="001C1B21"/>
    <w:rsid w:val="001C41BB"/>
    <w:rsid w:val="001C557F"/>
    <w:rsid w:val="001E5CE0"/>
    <w:rsid w:val="001E7A70"/>
    <w:rsid w:val="001F0377"/>
    <w:rsid w:val="001F238F"/>
    <w:rsid w:val="001F44F6"/>
    <w:rsid w:val="001F638C"/>
    <w:rsid w:val="00204AD3"/>
    <w:rsid w:val="002077FD"/>
    <w:rsid w:val="00210528"/>
    <w:rsid w:val="00210E6D"/>
    <w:rsid w:val="002175E2"/>
    <w:rsid w:val="002215C3"/>
    <w:rsid w:val="00231F75"/>
    <w:rsid w:val="0023455C"/>
    <w:rsid w:val="00235B88"/>
    <w:rsid w:val="00240415"/>
    <w:rsid w:val="0024548F"/>
    <w:rsid w:val="002505F3"/>
    <w:rsid w:val="00252062"/>
    <w:rsid w:val="002553E3"/>
    <w:rsid w:val="00260F8F"/>
    <w:rsid w:val="00266CD3"/>
    <w:rsid w:val="00266D53"/>
    <w:rsid w:val="002674DA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A4783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E1FE9"/>
    <w:rsid w:val="002E4793"/>
    <w:rsid w:val="002E5321"/>
    <w:rsid w:val="002E6C3C"/>
    <w:rsid w:val="002F0996"/>
    <w:rsid w:val="00301A9B"/>
    <w:rsid w:val="00304EF4"/>
    <w:rsid w:val="0030586E"/>
    <w:rsid w:val="003108FC"/>
    <w:rsid w:val="003167B5"/>
    <w:rsid w:val="003175BD"/>
    <w:rsid w:val="003246E4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FF1"/>
    <w:rsid w:val="00370C8A"/>
    <w:rsid w:val="00380F3B"/>
    <w:rsid w:val="0038661A"/>
    <w:rsid w:val="0039744D"/>
    <w:rsid w:val="003A7167"/>
    <w:rsid w:val="003A7881"/>
    <w:rsid w:val="003A7BB1"/>
    <w:rsid w:val="003A7F6A"/>
    <w:rsid w:val="003B1549"/>
    <w:rsid w:val="003C7D80"/>
    <w:rsid w:val="003D0824"/>
    <w:rsid w:val="003D4601"/>
    <w:rsid w:val="003E5068"/>
    <w:rsid w:val="003E5AC1"/>
    <w:rsid w:val="003F5B1D"/>
    <w:rsid w:val="003F7505"/>
    <w:rsid w:val="00405F1D"/>
    <w:rsid w:val="00416EBE"/>
    <w:rsid w:val="00440CEE"/>
    <w:rsid w:val="0044672D"/>
    <w:rsid w:val="004471E3"/>
    <w:rsid w:val="00447375"/>
    <w:rsid w:val="00452CA4"/>
    <w:rsid w:val="00453547"/>
    <w:rsid w:val="00455344"/>
    <w:rsid w:val="0045559B"/>
    <w:rsid w:val="00463018"/>
    <w:rsid w:val="00465D3E"/>
    <w:rsid w:val="00483C8E"/>
    <w:rsid w:val="0048486D"/>
    <w:rsid w:val="00485588"/>
    <w:rsid w:val="00487F4A"/>
    <w:rsid w:val="004903C9"/>
    <w:rsid w:val="0049113D"/>
    <w:rsid w:val="00493710"/>
    <w:rsid w:val="00495BAD"/>
    <w:rsid w:val="0049642C"/>
    <w:rsid w:val="004A0D67"/>
    <w:rsid w:val="004A4C14"/>
    <w:rsid w:val="004A7B5D"/>
    <w:rsid w:val="004B03D2"/>
    <w:rsid w:val="004B3915"/>
    <w:rsid w:val="004B52BC"/>
    <w:rsid w:val="004B6944"/>
    <w:rsid w:val="004B7ED3"/>
    <w:rsid w:val="004C6156"/>
    <w:rsid w:val="004C670B"/>
    <w:rsid w:val="004D3E4A"/>
    <w:rsid w:val="004D745D"/>
    <w:rsid w:val="004D7854"/>
    <w:rsid w:val="004E1384"/>
    <w:rsid w:val="004E31FB"/>
    <w:rsid w:val="004E62A1"/>
    <w:rsid w:val="004F1C5D"/>
    <w:rsid w:val="004F614F"/>
    <w:rsid w:val="00500FAE"/>
    <w:rsid w:val="00506F17"/>
    <w:rsid w:val="00512306"/>
    <w:rsid w:val="00524239"/>
    <w:rsid w:val="00524FEF"/>
    <w:rsid w:val="005343F1"/>
    <w:rsid w:val="0053630F"/>
    <w:rsid w:val="00537086"/>
    <w:rsid w:val="005372D0"/>
    <w:rsid w:val="00541F16"/>
    <w:rsid w:val="00542DE0"/>
    <w:rsid w:val="00543C7B"/>
    <w:rsid w:val="0054686A"/>
    <w:rsid w:val="0055087A"/>
    <w:rsid w:val="00551C0B"/>
    <w:rsid w:val="0055306E"/>
    <w:rsid w:val="0055798D"/>
    <w:rsid w:val="0056123E"/>
    <w:rsid w:val="00567394"/>
    <w:rsid w:val="00570490"/>
    <w:rsid w:val="00574B08"/>
    <w:rsid w:val="0057567B"/>
    <w:rsid w:val="005917C8"/>
    <w:rsid w:val="00596633"/>
    <w:rsid w:val="00597621"/>
    <w:rsid w:val="00597639"/>
    <w:rsid w:val="005A1401"/>
    <w:rsid w:val="005A24A7"/>
    <w:rsid w:val="005A30CD"/>
    <w:rsid w:val="005A7655"/>
    <w:rsid w:val="005B1A86"/>
    <w:rsid w:val="005C08C0"/>
    <w:rsid w:val="005C6132"/>
    <w:rsid w:val="005C6D21"/>
    <w:rsid w:val="005C7847"/>
    <w:rsid w:val="005D5249"/>
    <w:rsid w:val="005D5A52"/>
    <w:rsid w:val="005E1CA0"/>
    <w:rsid w:val="005E5889"/>
    <w:rsid w:val="005E64CC"/>
    <w:rsid w:val="005F00F8"/>
    <w:rsid w:val="005F0681"/>
    <w:rsid w:val="005F29F6"/>
    <w:rsid w:val="005F402A"/>
    <w:rsid w:val="00607687"/>
    <w:rsid w:val="00610C26"/>
    <w:rsid w:val="0061234F"/>
    <w:rsid w:val="006133D1"/>
    <w:rsid w:val="0061420F"/>
    <w:rsid w:val="00620C13"/>
    <w:rsid w:val="00623768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EED"/>
    <w:rsid w:val="006569B4"/>
    <w:rsid w:val="00656F1E"/>
    <w:rsid w:val="006612AE"/>
    <w:rsid w:val="00661852"/>
    <w:rsid w:val="006636A0"/>
    <w:rsid w:val="00664D75"/>
    <w:rsid w:val="00676CE5"/>
    <w:rsid w:val="006818C8"/>
    <w:rsid w:val="00696F20"/>
    <w:rsid w:val="00697FE9"/>
    <w:rsid w:val="006B16CA"/>
    <w:rsid w:val="006B19D1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CA4"/>
    <w:rsid w:val="006E71CC"/>
    <w:rsid w:val="006F2588"/>
    <w:rsid w:val="006F45CE"/>
    <w:rsid w:val="006F593A"/>
    <w:rsid w:val="00705E69"/>
    <w:rsid w:val="00710C80"/>
    <w:rsid w:val="00715D27"/>
    <w:rsid w:val="00725DC1"/>
    <w:rsid w:val="00735ED5"/>
    <w:rsid w:val="00744D91"/>
    <w:rsid w:val="00745C77"/>
    <w:rsid w:val="00745EF8"/>
    <w:rsid w:val="00747652"/>
    <w:rsid w:val="007477CE"/>
    <w:rsid w:val="007519E6"/>
    <w:rsid w:val="00753340"/>
    <w:rsid w:val="00761977"/>
    <w:rsid w:val="00766404"/>
    <w:rsid w:val="0076770B"/>
    <w:rsid w:val="007679B0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5194"/>
    <w:rsid w:val="007A5C5E"/>
    <w:rsid w:val="007B0715"/>
    <w:rsid w:val="007D252D"/>
    <w:rsid w:val="007D47A9"/>
    <w:rsid w:val="007E21A7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11A25"/>
    <w:rsid w:val="00816FA2"/>
    <w:rsid w:val="00820EB7"/>
    <w:rsid w:val="00827D5B"/>
    <w:rsid w:val="008336A2"/>
    <w:rsid w:val="00833870"/>
    <w:rsid w:val="008351DA"/>
    <w:rsid w:val="00841AC9"/>
    <w:rsid w:val="00843426"/>
    <w:rsid w:val="0084557F"/>
    <w:rsid w:val="00864C7C"/>
    <w:rsid w:val="00870000"/>
    <w:rsid w:val="00871BB2"/>
    <w:rsid w:val="008759E9"/>
    <w:rsid w:val="008A22C6"/>
    <w:rsid w:val="008A481B"/>
    <w:rsid w:val="008A6D60"/>
    <w:rsid w:val="008B1322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433F"/>
    <w:rsid w:val="009100A6"/>
    <w:rsid w:val="00914BA3"/>
    <w:rsid w:val="0091640D"/>
    <w:rsid w:val="00917339"/>
    <w:rsid w:val="00917FC8"/>
    <w:rsid w:val="009214D3"/>
    <w:rsid w:val="0092311C"/>
    <w:rsid w:val="00924D27"/>
    <w:rsid w:val="00931018"/>
    <w:rsid w:val="00931817"/>
    <w:rsid w:val="00934AA7"/>
    <w:rsid w:val="00940270"/>
    <w:rsid w:val="009440E5"/>
    <w:rsid w:val="00950B21"/>
    <w:rsid w:val="00952689"/>
    <w:rsid w:val="00952E6D"/>
    <w:rsid w:val="00961F52"/>
    <w:rsid w:val="0096273C"/>
    <w:rsid w:val="00982DD6"/>
    <w:rsid w:val="009845F1"/>
    <w:rsid w:val="00987489"/>
    <w:rsid w:val="009920CA"/>
    <w:rsid w:val="009926C7"/>
    <w:rsid w:val="00993372"/>
    <w:rsid w:val="00995C71"/>
    <w:rsid w:val="0099751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797E"/>
    <w:rsid w:val="009E30FD"/>
    <w:rsid w:val="009E67B2"/>
    <w:rsid w:val="009F2DA1"/>
    <w:rsid w:val="009F4844"/>
    <w:rsid w:val="009F5B43"/>
    <w:rsid w:val="00A013EE"/>
    <w:rsid w:val="00A05F35"/>
    <w:rsid w:val="00A078B1"/>
    <w:rsid w:val="00A07980"/>
    <w:rsid w:val="00A13F03"/>
    <w:rsid w:val="00A16499"/>
    <w:rsid w:val="00A2102A"/>
    <w:rsid w:val="00A2135D"/>
    <w:rsid w:val="00A219CB"/>
    <w:rsid w:val="00A26584"/>
    <w:rsid w:val="00A27502"/>
    <w:rsid w:val="00A32B2C"/>
    <w:rsid w:val="00A37940"/>
    <w:rsid w:val="00A41061"/>
    <w:rsid w:val="00A42E30"/>
    <w:rsid w:val="00A4378D"/>
    <w:rsid w:val="00A45DAF"/>
    <w:rsid w:val="00A56B9D"/>
    <w:rsid w:val="00A57168"/>
    <w:rsid w:val="00A572B4"/>
    <w:rsid w:val="00A72CA5"/>
    <w:rsid w:val="00A72CDC"/>
    <w:rsid w:val="00A814DE"/>
    <w:rsid w:val="00A816A5"/>
    <w:rsid w:val="00A864DD"/>
    <w:rsid w:val="00A87219"/>
    <w:rsid w:val="00A93B92"/>
    <w:rsid w:val="00AA3816"/>
    <w:rsid w:val="00AA5B41"/>
    <w:rsid w:val="00AB0B55"/>
    <w:rsid w:val="00AB722F"/>
    <w:rsid w:val="00AC142C"/>
    <w:rsid w:val="00AC1ED6"/>
    <w:rsid w:val="00AD01F2"/>
    <w:rsid w:val="00AD174F"/>
    <w:rsid w:val="00AE2FD7"/>
    <w:rsid w:val="00AE40B0"/>
    <w:rsid w:val="00AF472B"/>
    <w:rsid w:val="00B017B8"/>
    <w:rsid w:val="00B018C0"/>
    <w:rsid w:val="00B075C2"/>
    <w:rsid w:val="00B07D86"/>
    <w:rsid w:val="00B121D0"/>
    <w:rsid w:val="00B12D70"/>
    <w:rsid w:val="00B13808"/>
    <w:rsid w:val="00B23C52"/>
    <w:rsid w:val="00B268C1"/>
    <w:rsid w:val="00B337B8"/>
    <w:rsid w:val="00B37E43"/>
    <w:rsid w:val="00B47472"/>
    <w:rsid w:val="00B479EC"/>
    <w:rsid w:val="00B5611D"/>
    <w:rsid w:val="00B56798"/>
    <w:rsid w:val="00B60468"/>
    <w:rsid w:val="00B62E56"/>
    <w:rsid w:val="00B65673"/>
    <w:rsid w:val="00B6765D"/>
    <w:rsid w:val="00B705C0"/>
    <w:rsid w:val="00B73B5F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3972"/>
    <w:rsid w:val="00BE6BEF"/>
    <w:rsid w:val="00BF01D8"/>
    <w:rsid w:val="00BF15DC"/>
    <w:rsid w:val="00BF2CC7"/>
    <w:rsid w:val="00BF2EED"/>
    <w:rsid w:val="00BF3F46"/>
    <w:rsid w:val="00BF4B5B"/>
    <w:rsid w:val="00BF6558"/>
    <w:rsid w:val="00C04B19"/>
    <w:rsid w:val="00C04FCE"/>
    <w:rsid w:val="00C10634"/>
    <w:rsid w:val="00C12D6C"/>
    <w:rsid w:val="00C3336D"/>
    <w:rsid w:val="00C33A2D"/>
    <w:rsid w:val="00C33A7D"/>
    <w:rsid w:val="00C3566E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74312"/>
    <w:rsid w:val="00C75854"/>
    <w:rsid w:val="00C77C36"/>
    <w:rsid w:val="00C80D02"/>
    <w:rsid w:val="00C812DC"/>
    <w:rsid w:val="00C82CB6"/>
    <w:rsid w:val="00C83E48"/>
    <w:rsid w:val="00C87311"/>
    <w:rsid w:val="00C91BE7"/>
    <w:rsid w:val="00C92344"/>
    <w:rsid w:val="00C94735"/>
    <w:rsid w:val="00C95EB8"/>
    <w:rsid w:val="00CB2896"/>
    <w:rsid w:val="00CB5659"/>
    <w:rsid w:val="00CB56D1"/>
    <w:rsid w:val="00CB75E0"/>
    <w:rsid w:val="00CC0CC5"/>
    <w:rsid w:val="00CC28F4"/>
    <w:rsid w:val="00CD2531"/>
    <w:rsid w:val="00CD7898"/>
    <w:rsid w:val="00CE2648"/>
    <w:rsid w:val="00CE6ECC"/>
    <w:rsid w:val="00CE71E9"/>
    <w:rsid w:val="00CF00C0"/>
    <w:rsid w:val="00CF7F84"/>
    <w:rsid w:val="00D0097E"/>
    <w:rsid w:val="00D1112D"/>
    <w:rsid w:val="00D114D5"/>
    <w:rsid w:val="00D21B4D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3CA"/>
    <w:rsid w:val="00D565D0"/>
    <w:rsid w:val="00D57716"/>
    <w:rsid w:val="00D57A30"/>
    <w:rsid w:val="00D63EEF"/>
    <w:rsid w:val="00D7244B"/>
    <w:rsid w:val="00D73F52"/>
    <w:rsid w:val="00D763ED"/>
    <w:rsid w:val="00D80F3C"/>
    <w:rsid w:val="00D83B35"/>
    <w:rsid w:val="00D87534"/>
    <w:rsid w:val="00D87CFC"/>
    <w:rsid w:val="00D91E57"/>
    <w:rsid w:val="00DA47B7"/>
    <w:rsid w:val="00DA48CF"/>
    <w:rsid w:val="00DB09FF"/>
    <w:rsid w:val="00DB28D2"/>
    <w:rsid w:val="00DB3603"/>
    <w:rsid w:val="00DB528A"/>
    <w:rsid w:val="00DB69C1"/>
    <w:rsid w:val="00DB7786"/>
    <w:rsid w:val="00DC358D"/>
    <w:rsid w:val="00DD023E"/>
    <w:rsid w:val="00DD147F"/>
    <w:rsid w:val="00DD62CA"/>
    <w:rsid w:val="00DE4D30"/>
    <w:rsid w:val="00DF0491"/>
    <w:rsid w:val="00DF3A08"/>
    <w:rsid w:val="00DF662E"/>
    <w:rsid w:val="00DF67D0"/>
    <w:rsid w:val="00E01DD4"/>
    <w:rsid w:val="00E02856"/>
    <w:rsid w:val="00E030ED"/>
    <w:rsid w:val="00E04DD1"/>
    <w:rsid w:val="00E115FC"/>
    <w:rsid w:val="00E17355"/>
    <w:rsid w:val="00E221F3"/>
    <w:rsid w:val="00E30819"/>
    <w:rsid w:val="00E31B15"/>
    <w:rsid w:val="00E32F3C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436A"/>
    <w:rsid w:val="00E65369"/>
    <w:rsid w:val="00E82246"/>
    <w:rsid w:val="00E8267F"/>
    <w:rsid w:val="00E82B70"/>
    <w:rsid w:val="00E83924"/>
    <w:rsid w:val="00E83D1A"/>
    <w:rsid w:val="00E840CF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B7848"/>
    <w:rsid w:val="00EC205F"/>
    <w:rsid w:val="00EC343F"/>
    <w:rsid w:val="00ED0CD9"/>
    <w:rsid w:val="00ED17B7"/>
    <w:rsid w:val="00ED3CEA"/>
    <w:rsid w:val="00ED4D23"/>
    <w:rsid w:val="00ED7545"/>
    <w:rsid w:val="00EE01DC"/>
    <w:rsid w:val="00EE1416"/>
    <w:rsid w:val="00EE32E7"/>
    <w:rsid w:val="00EF3123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E57"/>
    <w:rsid w:val="00F20D2B"/>
    <w:rsid w:val="00F2294A"/>
    <w:rsid w:val="00F3000E"/>
    <w:rsid w:val="00F329BB"/>
    <w:rsid w:val="00F35342"/>
    <w:rsid w:val="00F67D26"/>
    <w:rsid w:val="00F67D4E"/>
    <w:rsid w:val="00F71403"/>
    <w:rsid w:val="00F71C9C"/>
    <w:rsid w:val="00F7511B"/>
    <w:rsid w:val="00F76C40"/>
    <w:rsid w:val="00F812C0"/>
    <w:rsid w:val="00F81386"/>
    <w:rsid w:val="00F829D4"/>
    <w:rsid w:val="00F838D9"/>
    <w:rsid w:val="00F90DFF"/>
    <w:rsid w:val="00F97D97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E0"/>
    <w:rsid w:val="00FD14F1"/>
    <w:rsid w:val="00FD416D"/>
    <w:rsid w:val="00FE0024"/>
    <w:rsid w:val="00FE2B02"/>
    <w:rsid w:val="00FE421B"/>
    <w:rsid w:val="00FE65AD"/>
    <w:rsid w:val="00FF1C79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52577"/>
    <o:shapelayout v:ext="edit">
      <o:idmap v:ext="edit" data="1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hAnsi="Times New Roman" w:eastAsia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uiPriority="99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F67D26"/>
    <w:pPr>
      <w:numPr>
        <w:numId w:val="6"/>
      </w:numPr>
      <w:spacing w:after="240"/>
      <w:jc w:val="both"/>
      <w:outlineLvl w:val="0"/>
    </w:pPr>
  </w:style>
  <w:style w:type="paragraph" w:styleId="Heading2">
    <w:name w:val="heading 2"/>
    <w:basedOn w:val="Normal"/>
    <w:link w:val="Heading2Char"/>
    <w:qFormat/>
    <w:rsid w:val="00F67D26"/>
    <w:pPr>
      <w:numPr>
        <w:ilvl w:val="1"/>
        <w:numId w:val="6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F67D26"/>
    <w:pPr>
      <w:numPr>
        <w:ilvl w:val="2"/>
        <w:numId w:val="6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F67D26"/>
    <w:pPr>
      <w:numPr>
        <w:ilvl w:val="3"/>
        <w:numId w:val="6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F67D26"/>
    <w:pPr>
      <w:numPr>
        <w:ilvl w:val="4"/>
        <w:numId w:val="6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F67D26"/>
    <w:pPr>
      <w:numPr>
        <w:ilvl w:val="5"/>
        <w:numId w:val="6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67D26"/>
    <w:pPr>
      <w:numPr>
        <w:ilvl w:val="6"/>
        <w:numId w:val="6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F67D26"/>
    <w:pPr>
      <w:numPr>
        <w:ilvl w:val="7"/>
        <w:numId w:val="6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F67D26"/>
    <w:pPr>
      <w:numPr>
        <w:ilvl w:val="8"/>
        <w:numId w:val="6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styleId="TitleBoldUnderline" w:customStyle="1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styleId="1stLineIndentSS" w:customStyle="1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styleId="1stLineIndentDS" w:customStyle="1">
    <w:name w:val="1st Line Indent DS"/>
    <w:basedOn w:val="1stLineIndentSS"/>
    <w:qFormat/>
    <w:rsid w:val="0038661A"/>
    <w:pPr>
      <w:spacing w:after="0" w:line="480" w:lineRule="auto"/>
    </w:pPr>
  </w:style>
  <w:style w:type="paragraph" w:styleId="BlockDS" w:customStyle="1">
    <w:name w:val="Block DS"/>
    <w:basedOn w:val="Normal"/>
    <w:rsid w:val="009E67B2"/>
    <w:pPr>
      <w:spacing w:line="480" w:lineRule="auto"/>
      <w:jc w:val="both"/>
    </w:pPr>
  </w:style>
  <w:style w:type="paragraph" w:styleId="BlockSS" w:customStyle="1">
    <w:name w:val="Block SS"/>
    <w:basedOn w:val="Normal"/>
    <w:qFormat/>
    <w:rsid w:val="0038661A"/>
    <w:pPr>
      <w:spacing w:after="240"/>
      <w:jc w:val="both"/>
    </w:pPr>
  </w:style>
  <w:style w:type="paragraph" w:styleId="QuoteSingleIndent" w:customStyle="1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styleId="QuoteDoubleIndent" w:customStyle="1">
    <w:name w:val="Quote Double Indent"/>
    <w:basedOn w:val="QuoteSingleIndent"/>
    <w:next w:val="1stLineIndentSS"/>
    <w:rsid w:val="0038661A"/>
    <w:pPr>
      <w:ind w:left="1440" w:right="1440"/>
    </w:pPr>
  </w:style>
  <w:style w:type="paragraph" w:styleId="TitleBold" w:customStyle="1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styleId="TitleUnderline" w:customStyle="1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styleId="Signature2" w:customStyle="1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styleId="Signature3" w:customStyle="1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character" w:styleId="TitleBoldUnderlineChar" w:customStyle="1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styleId="TitleBoldChar" w:customStyle="1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styleId="Centered" w:customStyle="1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styleId="BlockSSNoPt" w:customStyle="1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styleId="SubtitleChar" w:customStyle="1">
    <w:name w:val="Subtitle Char"/>
    <w:link w:val="Subtitle"/>
    <w:rsid w:val="00AE2FD7"/>
    <w:rPr>
      <w:rFonts w:cs="Arial"/>
      <w:sz w:val="24"/>
      <w:szCs w:val="24"/>
    </w:rPr>
  </w:style>
  <w:style w:type="character" w:styleId="SignatureChar" w:customStyle="1">
    <w:name w:val="Signature Char"/>
    <w:link w:val="Signature"/>
    <w:rsid w:val="001942D8"/>
    <w:rPr>
      <w:sz w:val="24"/>
      <w:szCs w:val="24"/>
    </w:rPr>
  </w:style>
  <w:style w:type="character" w:styleId="1stLineIndentSSChar" w:customStyle="1">
    <w:name w:val="1st Line Indent SS Char"/>
    <w:link w:val="1stLineIndentSS"/>
    <w:rsid w:val="008B1322"/>
    <w:rPr>
      <w:sz w:val="24"/>
      <w:szCs w:val="24"/>
    </w:rPr>
  </w:style>
  <w:style w:type="character" w:styleId="HeaderChar" w:customStyle="1">
    <w:name w:val="Header Char"/>
    <w:basedOn w:val="DefaultParagraphFont"/>
    <w:link w:val="Header"/>
    <w:rsid w:val="00A72CDC"/>
    <w:rPr>
      <w:sz w:val="24"/>
      <w:szCs w:val="24"/>
    </w:rPr>
  </w:style>
  <w:style w:type="character" w:styleId="FooterChar" w:customStyle="1">
    <w:name w:val="Footer Char"/>
    <w:basedOn w:val="DefaultParagraphFont"/>
    <w:link w:val="Footer"/>
    <w:rsid w:val="00A72CDC"/>
    <w:rPr>
      <w:sz w:val="24"/>
      <w:szCs w:val="24"/>
    </w:rPr>
  </w:style>
  <w:style w:type="paragraph" w:styleId="BlockSSNoPt0" w:customStyle="1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styleId="Heading1Char" w:customStyle="1">
    <w:name w:val="Heading 1 Char"/>
    <w:basedOn w:val="DefaultParagraphFont"/>
    <w:link w:val="Heading1"/>
    <w:rsid w:val="00D0097E"/>
    <w:rPr>
      <w:sz w:val="24"/>
      <w:szCs w:val="24"/>
    </w:rPr>
  </w:style>
  <w:style w:type="character" w:styleId="Heading2Char" w:customStyle="1">
    <w:name w:val="Heading 2 Char"/>
    <w:basedOn w:val="DefaultParagraphFont"/>
    <w:link w:val="Heading2"/>
    <w:rsid w:val="00D0097E"/>
    <w:rPr>
      <w:sz w:val="24"/>
      <w:szCs w:val="24"/>
    </w:rPr>
  </w:style>
  <w:style w:type="character" w:styleId="Heading3Char" w:customStyle="1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styleId="Heading4Char" w:customStyle="1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styleId="Heading5Char" w:customStyle="1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styleId="Heading6Char" w:customStyle="1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styleId="Heading7Char" w:customStyle="1">
    <w:name w:val="Heading 7 Char"/>
    <w:basedOn w:val="DefaultParagraphFont"/>
    <w:link w:val="Heading7"/>
    <w:rsid w:val="00D0097E"/>
    <w:rPr>
      <w:sz w:val="24"/>
      <w:szCs w:val="24"/>
    </w:rPr>
  </w:style>
  <w:style w:type="character" w:styleId="Heading8Char" w:customStyle="1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styleId="Heading9Char" w:customStyle="1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styleId="MacroTextChar" w:customStyle="1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styleId="TitleChar" w:customStyle="1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numbering" Target="numbering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Application>Microsoft Office Word</ap:Application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lastPrinted>1900-01-01T05:00:00.0000000Z</lastPrinted>
  <dcterms:created xsi:type="dcterms:W3CDTF">1900-01-01T05:00:00.0000000Z</dcterms:created>
  <dcterms:modified xsi:type="dcterms:W3CDTF">2022-06-09T19:16:28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7" name="SWDocID">
    <vt:lpwstr>4877-4720-8484.1</vt:lpwstr>
  </op:property>
</op:Properties>
</file>